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65" r:id="rId6"/>
    <p:sldId id="274" r:id="rId7"/>
    <p:sldId id="275" r:id="rId8"/>
    <p:sldId id="276" r:id="rId9"/>
    <p:sldId id="277" r:id="rId10"/>
    <p:sldId id="278" r:id="rId11"/>
    <p:sldId id="279" r:id="rId12"/>
    <p:sldId id="280" r:id="rId13"/>
    <p:sldId id="281" r:id="rId14"/>
    <p:sldId id="282" r:id="rId15"/>
    <p:sldId id="283" r:id="rId16"/>
    <p:sldId id="284" r:id="rId17"/>
    <p:sldId id="285" r:id="rId18"/>
    <p:sldId id="286" r:id="rId19"/>
    <p:sldId id="267" r:id="rId20"/>
    <p:sldId id="266" r:id="rId21"/>
    <p:sldId id="270" r:id="rId22"/>
    <p:sldId id="268" r:id="rId23"/>
    <p:sldId id="271" r:id="rId24"/>
    <p:sldId id="269" r:id="rId25"/>
    <p:sldId id="272" r:id="rId26"/>
    <p:sldId id="273" r:id="rId27"/>
    <p:sldId id="257" r:id="rId28"/>
    <p:sldId id="259" r:id="rId29"/>
    <p:sldId id="256" r:id="rId30"/>
    <p:sldId id="260" r:id="rId31"/>
    <p:sldId id="258" r:id="rId32"/>
    <p:sldId id="264" r:id="rId33"/>
    <p:sldId id="262" r:id="rId34"/>
    <p:sldId id="261" r:id="rId35"/>
    <p:sldId id="263" r:id="rId36"/>
  </p:sldIdLst>
  <p:sldSz cx="12192000" cy="6858000"/>
  <p:notesSz cx="7315200" cy="96012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4660"/>
  </p:normalViewPr>
  <p:slideViewPr>
    <p:cSldViewPr snapToGrid="0">
      <p:cViewPr varScale="1">
        <p:scale>
          <a:sx n="64" d="100"/>
          <a:sy n="64" d="100"/>
        </p:scale>
        <p:origin x="663" y="6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39" Type="http://schemas.openxmlformats.org/officeDocument/2006/relationships/theme" Target="theme/theme1.xml"/><Relationship Id="rId21" Type="http://schemas.openxmlformats.org/officeDocument/2006/relationships/slide" Target="slides/slide16.xml"/><Relationship Id="rId34" Type="http://schemas.openxmlformats.org/officeDocument/2006/relationships/slide" Target="slides/slide29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openxmlformats.org/officeDocument/2006/relationships/slide" Target="slides/slide28.xml"/><Relationship Id="rId38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29" Type="http://schemas.openxmlformats.org/officeDocument/2006/relationships/slide" Target="slides/slide24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openxmlformats.org/officeDocument/2006/relationships/slide" Target="slides/slide27.xml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slide" Target="slides/slide23.xml"/><Relationship Id="rId36" Type="http://schemas.openxmlformats.org/officeDocument/2006/relationships/slide" Target="slides/slide31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31" Type="http://schemas.openxmlformats.org/officeDocument/2006/relationships/slide" Target="slides/slide26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slide" Target="slides/slide25.xml"/><Relationship Id="rId35" Type="http://schemas.openxmlformats.org/officeDocument/2006/relationships/slide" Target="slides/slide30.xml"/><Relationship Id="rId8" Type="http://schemas.openxmlformats.org/officeDocument/2006/relationships/slide" Target="slides/slide3.xml"/><Relationship Id="rId3" Type="http://schemas.openxmlformats.org/officeDocument/2006/relationships/customXml" Target="../customXml/item3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12/15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7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4" Type="http://schemas.openxmlformats.org/officeDocument/2006/relationships/image" Target="../media/image22.png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7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7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err="1"/>
              <a:t>Ridehail</a:t>
            </a:r>
            <a:r>
              <a:rPr lang="en-US" dirty="0"/>
              <a:t> Simula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A8A5CE4-8A5F-4E61-9C7A-EC97D7241EE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234288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15236E0-BB6F-4C8E-B695-43F181546D6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89" y="384042"/>
            <a:ext cx="10972822" cy="60899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9951040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50EBD36-1976-4F98-85CD-B29247D8536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35373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1F9DCC0B-0A66-4BEC-8DF2-29E39459D3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07975"/>
            <a:ext cx="12192000" cy="6242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73417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E6EE9067-4008-42E3-A975-73A7CC10289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07975"/>
            <a:ext cx="12192000" cy="6242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466696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ABFAF873-38D3-45F4-A54A-D1DC641D573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07975"/>
            <a:ext cx="12192000" cy="6242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861921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CDAD07C-5883-4D20-9F3E-DCA9BA5D270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305" y="626358"/>
            <a:ext cx="10945390" cy="56052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856714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BB4C285-B296-465F-92E4-9160C8789EF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508280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11FE2C0-82CA-42FF-B951-C0FF9D17CB5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342766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78F85C9-DFCD-4784-B4B8-F40E50FFB1A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559563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E4B4434-7CDC-40CC-AF5D-A5F138C2B27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44889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883034A-37A4-45D0-A775-6B8F61E5BC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68552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4B833F8-A962-45B3-B320-7D706E29F72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713385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8829DC5-C880-4629-A7EC-15D92EC98B2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673810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42745514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7BC1DF3-5965-49AD-9973-7C4C0FAB498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735567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5F9425F-FCD4-4C22-863E-2D6985602AC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303259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FAD74CAB-96CB-4EC0-B93A-791F6DE7CE1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4B050DB-B0C8-4FCC-A738-39C793469A9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5826671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4122352-A409-4AC5-AD6A-46BBC918F0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60067" y="0"/>
            <a:ext cx="867186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3763683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DD26876-03F3-4C95-AF1C-EF81BC5168A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69157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EB4C8D7-2229-47D2-AC29-7D6373ABBC9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005684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E20517A-6332-4BBD-A289-7C712C3F3C7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8389398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0EF5930-A86D-459B-B08B-038B94E9566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4229380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4190E94-689A-4CFC-86F3-CD2ACCE7EBD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163153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2D6092B-D644-4FDB-8373-BB7F62A3865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167591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45F161B-EA12-4C7B-95A9-1AE50F90CE5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535883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7AFB4CA-DF69-4152-8720-8A6C3B019FB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89" y="384042"/>
            <a:ext cx="10972822" cy="60899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654887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D7A66ED-CEED-4FDC-ABDA-6E97ECCDD3B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000807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87E85FA-21B0-4AD1-A3D1-179B84853AC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2646076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2E0C610-B15D-49A5-AA91-D7A50AA503C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3828" y="576066"/>
            <a:ext cx="11704343" cy="5705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6861766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1E4BB68-DBE0-4174-BF38-A8F24AA97E06}">
  <ds:schemaRefs/>
</ds:datastoreItem>
</file>

<file path=customXml/itemProps2.xml><?xml version="1.0" encoding="utf-8"?>
<ds:datastoreItem xmlns:ds="http://schemas.openxmlformats.org/officeDocument/2006/customXml" ds:itemID="{1E5C1412-4B31-4EB2-BCFB-90DC85E0549F}">
  <ds:schemaRefs/>
</ds:datastoreItem>
</file>

<file path=customXml/itemProps3.xml><?xml version="1.0" encoding="utf-8"?>
<ds:datastoreItem xmlns:ds="http://schemas.openxmlformats.org/officeDocument/2006/customXml" ds:itemID="{B7907530-0CC5-4229-9EFB-458F577AA3A6}">
  <ds:schemaRefs/>
</ds:datastoreItem>
</file>

<file path=customXml/itemProps4.xml><?xml version="1.0" encoding="utf-8"?>
<ds:datastoreItem xmlns:ds="http://schemas.openxmlformats.org/officeDocument/2006/customXml" ds:itemID="{DAEC0FB5-7FB8-4E5D-836C-D6122B8C2BC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3</TotalTime>
  <Words>2</Words>
  <Application>Microsoft Office PowerPoint</Application>
  <PresentationFormat>Widescreen</PresentationFormat>
  <Paragraphs>1</Paragraphs>
  <Slides>3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1</vt:i4>
      </vt:variant>
    </vt:vector>
  </HeadingPairs>
  <TitlesOfParts>
    <vt:vector size="35" baseType="lpstr">
      <vt:lpstr>Arial</vt:lpstr>
      <vt:lpstr>Calibri</vt:lpstr>
      <vt:lpstr>Calibri Light</vt:lpstr>
      <vt:lpstr>Office Theme</vt:lpstr>
      <vt:lpstr>Ridehail Simul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Slee, Tom</cp:lastModifiedBy>
  <cp:revision>6</cp:revision>
  <dcterms:created xsi:type="dcterms:W3CDTF">2021-12-07T15:26:40Z</dcterms:created>
  <dcterms:modified xsi:type="dcterms:W3CDTF">2021-12-16T04:00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445709785121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